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5" rupBuild="26731"/>
  <workbookPr defaultThemeVersion="124226"/>
  <mc:AlternateContent xmlns:mc="http://schemas.openxmlformats.org/markup-compatibility/2006">
    <mc:Choice Requires="x15">
      <x15ac:absPath xmlns:x15ac="http://schemas.microsoft.com/office/spreadsheetml/2010/11/ac" url="C:\Users\s990282\Desktop\新しいフォルダー\"/>
    </mc:Choice>
  </mc:AlternateContent>
  <xr:revisionPtr revIDLastSave="0" documentId="13_ncr:1_{7FD9DCDE-F260-4C3C-9D55-86083CB8CAA6}" xr6:coauthVersionLast="47" xr6:coauthVersionMax="47" xr10:uidLastSave="{00000000-0000-0000-0000-000000000000}"/>
  <bookViews>
    <workbookView xWindow="2565" yWindow="960" windowWidth="25680" windowHeight="13755" xr2:uid="{00000000-000D-0000-FFFF-FFFF00000000}"/>
  </bookViews>
  <sheets>
    <sheet name="単価内訳" sheetId="8" r:id="rId1"/>
  </sheets>
  <definedNames>
    <definedName name="_xlnm.Print_Area" localSheetId="0">単価内訳!$A$1:$G$31</definedName>
  </definedNames>
  <calcPr calcId="162913"/>
</workbook>
</file>

<file path=xl/sharedStrings.xml><?xml version="1.0" encoding="utf-8"?>
<sst xmlns="http://schemas.openxmlformats.org/spreadsheetml/2006/main" count="46" uniqueCount="25">
  <si>
    <t>モノカラーコピー</t>
    <phoneticPr fontId="1"/>
  </si>
  <si>
    <t>フルカラーコピー</t>
    <phoneticPr fontId="1"/>
  </si>
  <si>
    <t>フルカラープリント</t>
    <phoneticPr fontId="1"/>
  </si>
  <si>
    <t>別紙</t>
    <rPh sb="0" eb="2">
      <t>ベッシ</t>
    </rPh>
    <phoneticPr fontId="1"/>
  </si>
  <si>
    <t>区分</t>
    <rPh sb="0" eb="2">
      <t>クブン</t>
    </rPh>
    <phoneticPr fontId="3"/>
  </si>
  <si>
    <t>単価</t>
    <rPh sb="0" eb="2">
      <t>タンカ</t>
    </rPh>
    <phoneticPr fontId="1"/>
  </si>
  <si>
    <t>小計</t>
    <rPh sb="0" eb="2">
      <t>ショウケイ</t>
    </rPh>
    <phoneticPr fontId="1"/>
  </si>
  <si>
    <t>合計（見積金額に一致）</t>
    <rPh sb="0" eb="2">
      <t>ゴウケイ</t>
    </rPh>
    <rPh sb="3" eb="5">
      <t>ミツモリ</t>
    </rPh>
    <rPh sb="5" eb="7">
      <t>キンガク</t>
    </rPh>
    <rPh sb="8" eb="10">
      <t>イッチ</t>
    </rPh>
    <phoneticPr fontId="1"/>
  </si>
  <si>
    <t>円</t>
    <rPh sb="0" eb="1">
      <t>エン</t>
    </rPh>
    <phoneticPr fontId="1"/>
  </si>
  <si>
    <t>予定数量
(１月当たり)</t>
    <rPh sb="0" eb="2">
      <t>ヨテイ</t>
    </rPh>
    <rPh sb="2" eb="4">
      <t>スウリョウ</t>
    </rPh>
    <phoneticPr fontId="1"/>
  </si>
  <si>
    <t>対象機器</t>
    <rPh sb="0" eb="4">
      <t>タイショウキキ</t>
    </rPh>
    <phoneticPr fontId="1"/>
  </si>
  <si>
    <t>C3010F</t>
    <phoneticPr fontId="1"/>
  </si>
  <si>
    <t>IM 3500F</t>
    <phoneticPr fontId="1"/>
  </si>
  <si>
    <t>※ 見積書の見積金額と、当該内訳書の合計金額を一致させること。</t>
    <phoneticPr fontId="1"/>
  </si>
  <si>
    <t>※ 各区分の小計及び不良出力の控除分については、１円未満の端数を切り捨てること。</t>
    <phoneticPr fontId="1"/>
  </si>
  <si>
    <t>※ 各区分で基本料金(月間最低料金)が存在する場合は、規格の欄に「基本料金」と記載すること。</t>
    <rPh sb="2" eb="5">
      <t>カククブン</t>
    </rPh>
    <rPh sb="6" eb="10">
      <t>キホンリョウキン</t>
    </rPh>
    <rPh sb="11" eb="17">
      <t>ゲッカンサイテイリョウキン</t>
    </rPh>
    <rPh sb="19" eb="21">
      <t>ソンザイ</t>
    </rPh>
    <rPh sb="23" eb="25">
      <t>バアイ</t>
    </rPh>
    <rPh sb="27" eb="29">
      <t>キカク</t>
    </rPh>
    <rPh sb="30" eb="31">
      <t>ラン</t>
    </rPh>
    <rPh sb="33" eb="37">
      <t>キホンリョウキン</t>
    </rPh>
    <rPh sb="39" eb="41">
      <t>キサイ</t>
    </rPh>
    <phoneticPr fontId="1"/>
  </si>
  <si>
    <t>※ 予定数量は、「仕様書2-(6)予定印刷枚数」を参照すること。</t>
    <rPh sb="2" eb="6">
      <t>ヨテイスウリョウ</t>
    </rPh>
    <rPh sb="9" eb="11">
      <t>シヨウ</t>
    </rPh>
    <rPh sb="11" eb="12">
      <t>ショ</t>
    </rPh>
    <rPh sb="17" eb="23">
      <t>ヨテイインサツマイスウ</t>
    </rPh>
    <rPh sb="25" eb="27">
      <t>サンショウ</t>
    </rPh>
    <phoneticPr fontId="1"/>
  </si>
  <si>
    <t>月額最低料金</t>
    <rPh sb="0" eb="6">
      <t>ゲツガクサイテイリョウキン</t>
    </rPh>
    <phoneticPr fontId="1"/>
  </si>
  <si>
    <t>(設定がある場合記載)</t>
    <rPh sb="1" eb="3">
      <t>セッテイ</t>
    </rPh>
    <rPh sb="6" eb="8">
      <t>バアイ</t>
    </rPh>
    <rPh sb="8" eb="10">
      <t>キサイ</t>
    </rPh>
    <phoneticPr fontId="1"/>
  </si>
  <si>
    <t>プリント</t>
    <phoneticPr fontId="1"/>
  </si>
  <si>
    <t>モノカラーコピー・</t>
    <phoneticPr fontId="1"/>
  </si>
  <si>
    <t>規格</t>
    <rPh sb="0" eb="2">
      <t>キカク</t>
    </rPh>
    <phoneticPr fontId="3"/>
  </si>
  <si>
    <t>不良不出分*</t>
    <phoneticPr fontId="1"/>
  </si>
  <si>
    <t xml:space="preserve"> *不良不出分の割合は、複合機の製造元である(株)リコーから聞き取り</t>
    <rPh sb="2" eb="7">
      <t>フリョウフシュツブン</t>
    </rPh>
    <rPh sb="8" eb="10">
      <t>ワリアイ</t>
    </rPh>
    <rPh sb="12" eb="15">
      <t>フクゴウキ</t>
    </rPh>
    <phoneticPr fontId="1"/>
  </si>
  <si>
    <t>入札単価内訳書</t>
    <rPh sb="0" eb="4">
      <t>ニュウサツタンカ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4">
    <numFmt numFmtId="176" formatCode="#,###&quot;/ｈ&quot;"/>
    <numFmt numFmtId="177" formatCode="#,###&quot;円&quot;"/>
    <numFmt numFmtId="178" formatCode="0.0_);[Red]\(0.0\)"/>
    <numFmt numFmtId="179" formatCode="0.0%"/>
  </numFmts>
  <fonts count="10" x14ac:knownFonts="1">
    <font>
      <sz val="11"/>
      <color theme="1"/>
      <name val="ＭＳ Ｐゴシック"/>
      <family val="2"/>
      <charset val="128"/>
      <scheme val="minor"/>
    </font>
    <font>
      <sz val="6"/>
      <name val="ＭＳ Ｐゴシック"/>
      <family val="2"/>
      <charset val="128"/>
      <scheme val="minor"/>
    </font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sz val="11"/>
      <color theme="1"/>
      <name val="ＭＳ Ｐゴシック"/>
      <family val="2"/>
      <charset val="128"/>
      <scheme val="minor"/>
    </font>
    <font>
      <sz val="11"/>
      <name val="メイリオ"/>
      <family val="3"/>
      <charset val="128"/>
    </font>
    <font>
      <sz val="11"/>
      <color rgb="FFFF0000"/>
      <name val="メイリオ"/>
      <family val="3"/>
      <charset val="128"/>
    </font>
    <font>
      <sz val="11"/>
      <color theme="0"/>
      <name val="メイリオ"/>
      <family val="3"/>
      <charset val="128"/>
    </font>
    <font>
      <sz val="9"/>
      <name val="メイリオ"/>
      <family val="3"/>
      <charset val="128"/>
    </font>
    <font>
      <b/>
      <sz val="14"/>
      <name val="メイリオ"/>
      <family val="3"/>
      <charset val="128"/>
    </font>
  </fonts>
  <fills count="2">
    <fill>
      <patternFill patternType="none"/>
    </fill>
    <fill>
      <patternFill patternType="gray125"/>
    </fill>
  </fills>
  <borders count="16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ck">
        <color indexed="64"/>
      </left>
      <right style="thick">
        <color indexed="64"/>
      </right>
      <top style="thick">
        <color indexed="64"/>
      </top>
      <bottom style="thick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/>
      <right/>
      <top/>
      <bottom style="thick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thin">
        <color indexed="64"/>
      </right>
      <top/>
      <bottom/>
      <diagonal/>
    </border>
  </borders>
  <cellStyleXfs count="5">
    <xf numFmtId="0" fontId="0" fillId="0" borderId="0">
      <alignment vertical="center"/>
    </xf>
    <xf numFmtId="0" fontId="2" fillId="0" borderId="0"/>
    <xf numFmtId="38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38" fontId="4" fillId="0" borderId="0" applyFont="0" applyFill="0" applyBorder="0" applyAlignment="0" applyProtection="0">
      <alignment vertical="center"/>
    </xf>
  </cellStyleXfs>
  <cellXfs count="56">
    <xf numFmtId="0" fontId="0" fillId="0" borderId="0" xfId="0">
      <alignment vertical="center"/>
    </xf>
    <xf numFmtId="0" fontId="5" fillId="0" borderId="0" xfId="1" applyFont="1" applyAlignment="1">
      <alignment vertical="center"/>
    </xf>
    <xf numFmtId="0" fontId="5" fillId="0" borderId="0" xfId="1" applyFont="1" applyAlignment="1">
      <alignment horizontal="right" vertical="center"/>
    </xf>
    <xf numFmtId="0" fontId="5" fillId="0" borderId="0" xfId="1" applyFont="1" applyAlignment="1">
      <alignment vertical="center" wrapText="1"/>
    </xf>
    <xf numFmtId="0" fontId="5" fillId="0" borderId="1" xfId="1" applyFont="1" applyBorder="1" applyAlignment="1">
      <alignment vertical="center"/>
    </xf>
    <xf numFmtId="38" fontId="5" fillId="0" borderId="0" xfId="2" applyFont="1" applyAlignment="1">
      <alignment vertical="center"/>
    </xf>
    <xf numFmtId="176" fontId="5" fillId="0" borderId="2" xfId="2" applyNumberFormat="1" applyFont="1" applyBorder="1" applyAlignment="1">
      <alignment vertical="center" wrapText="1"/>
    </xf>
    <xf numFmtId="178" fontId="7" fillId="0" borderId="3" xfId="2" applyNumberFormat="1" applyFont="1" applyBorder="1" applyAlignment="1">
      <alignment horizontal="right" vertical="center" wrapText="1"/>
    </xf>
    <xf numFmtId="177" fontId="5" fillId="0" borderId="3" xfId="2" applyNumberFormat="1" applyFont="1" applyBorder="1" applyAlignment="1">
      <alignment horizontal="right" vertical="center"/>
    </xf>
    <xf numFmtId="176" fontId="5" fillId="0" borderId="3" xfId="2" applyNumberFormat="1" applyFont="1" applyBorder="1" applyAlignment="1">
      <alignment vertical="center" wrapText="1"/>
    </xf>
    <xf numFmtId="9" fontId="5" fillId="0" borderId="3" xfId="2" applyNumberFormat="1" applyFont="1" applyBorder="1" applyAlignment="1">
      <alignment horizontal="center" vertical="center" wrapText="1"/>
    </xf>
    <xf numFmtId="177" fontId="5" fillId="0" borderId="3" xfId="2" applyNumberFormat="1" applyFont="1" applyFill="1" applyBorder="1" applyAlignment="1">
      <alignment horizontal="right" vertical="center"/>
    </xf>
    <xf numFmtId="9" fontId="7" fillId="0" borderId="3" xfId="2" applyNumberFormat="1" applyFont="1" applyBorder="1" applyAlignment="1">
      <alignment horizontal="right" vertical="center" wrapText="1"/>
    </xf>
    <xf numFmtId="0" fontId="5" fillId="0" borderId="0" xfId="1" applyFont="1" applyBorder="1" applyAlignment="1">
      <alignment vertical="center"/>
    </xf>
    <xf numFmtId="176" fontId="5" fillId="0" borderId="0" xfId="2" applyNumberFormat="1" applyFont="1" applyBorder="1" applyAlignment="1">
      <alignment horizontal="center" vertical="center" wrapText="1"/>
    </xf>
    <xf numFmtId="9" fontId="5" fillId="0" borderId="6" xfId="2" applyNumberFormat="1" applyFont="1" applyBorder="1" applyAlignment="1">
      <alignment horizontal="center" vertical="center" wrapText="1"/>
    </xf>
    <xf numFmtId="177" fontId="5" fillId="0" borderId="6" xfId="2" applyNumberFormat="1" applyFont="1" applyFill="1" applyBorder="1" applyAlignment="1">
      <alignment horizontal="right" vertical="center"/>
    </xf>
    <xf numFmtId="0" fontId="5" fillId="0" borderId="0" xfId="1" applyFont="1" applyBorder="1" applyAlignment="1">
      <alignment vertical="center" wrapText="1"/>
    </xf>
    <xf numFmtId="177" fontId="5" fillId="0" borderId="4" xfId="1" applyNumberFormat="1" applyFont="1" applyBorder="1" applyAlignment="1">
      <alignment horizontal="right" vertical="center"/>
    </xf>
    <xf numFmtId="0" fontId="8" fillId="0" borderId="3" xfId="1" applyFont="1" applyBorder="1" applyAlignment="1">
      <alignment horizontal="center" vertical="center"/>
    </xf>
    <xf numFmtId="178" fontId="8" fillId="0" borderId="3" xfId="1" applyNumberFormat="1" applyFont="1" applyBorder="1" applyAlignment="1">
      <alignment horizontal="center" vertical="center"/>
    </xf>
    <xf numFmtId="0" fontId="8" fillId="0" borderId="3" xfId="1" applyFont="1" applyBorder="1" applyAlignment="1">
      <alignment horizontal="center" vertical="center" wrapText="1"/>
    </xf>
    <xf numFmtId="0" fontId="5" fillId="0" borderId="5" xfId="1" applyFont="1" applyBorder="1" applyAlignment="1">
      <alignment vertical="center"/>
    </xf>
    <xf numFmtId="38" fontId="6" fillId="0" borderId="3" xfId="4" applyFont="1" applyBorder="1" applyAlignment="1">
      <alignment horizontal="right" vertical="center" wrapText="1"/>
    </xf>
    <xf numFmtId="0" fontId="5" fillId="0" borderId="5" xfId="1" applyFont="1" applyBorder="1" applyAlignment="1">
      <alignment horizontal="center" vertical="center"/>
    </xf>
    <xf numFmtId="9" fontId="5" fillId="0" borderId="3" xfId="2" applyNumberFormat="1" applyFont="1" applyBorder="1" applyAlignment="1">
      <alignment vertical="center" wrapText="1"/>
    </xf>
    <xf numFmtId="38" fontId="6" fillId="0" borderId="2" xfId="4" applyFont="1" applyBorder="1" applyAlignment="1">
      <alignment horizontal="right" vertical="center" wrapText="1"/>
    </xf>
    <xf numFmtId="0" fontId="5" fillId="0" borderId="0" xfId="1" applyFont="1" applyAlignment="1">
      <alignment vertical="center"/>
    </xf>
    <xf numFmtId="0" fontId="5" fillId="0" borderId="7" xfId="1" applyFont="1" applyBorder="1" applyAlignment="1">
      <alignment vertical="center"/>
    </xf>
    <xf numFmtId="0" fontId="5" fillId="0" borderId="2" xfId="1" applyFont="1" applyBorder="1" applyAlignment="1">
      <alignment horizontal="center" vertical="center"/>
    </xf>
    <xf numFmtId="0" fontId="5" fillId="0" borderId="10" xfId="1" applyFont="1" applyBorder="1" applyAlignment="1">
      <alignment vertical="center"/>
    </xf>
    <xf numFmtId="0" fontId="5" fillId="0" borderId="0" xfId="1" applyFont="1" applyAlignment="1">
      <alignment vertical="center"/>
    </xf>
    <xf numFmtId="0" fontId="5" fillId="0" borderId="7" xfId="1" applyFont="1" applyBorder="1" applyAlignment="1">
      <alignment horizontal="center" vertical="center"/>
    </xf>
    <xf numFmtId="0" fontId="8" fillId="0" borderId="8" xfId="1" applyFont="1" applyBorder="1" applyAlignment="1">
      <alignment horizontal="center" vertical="center"/>
    </xf>
    <xf numFmtId="0" fontId="5" fillId="0" borderId="11" xfId="1" applyFont="1" applyBorder="1" applyAlignment="1">
      <alignment horizontal="center" vertical="center"/>
    </xf>
    <xf numFmtId="0" fontId="5" fillId="0" borderId="12" xfId="1" applyFont="1" applyBorder="1" applyAlignment="1">
      <alignment horizontal="left" vertical="center" wrapText="1" shrinkToFit="1"/>
    </xf>
    <xf numFmtId="0" fontId="5" fillId="0" borderId="8" xfId="1" applyFont="1" applyBorder="1" applyAlignment="1">
      <alignment horizontal="center" vertical="center"/>
    </xf>
    <xf numFmtId="0" fontId="5" fillId="0" borderId="11" xfId="1" applyFont="1" applyBorder="1" applyAlignment="1">
      <alignment vertical="center"/>
    </xf>
    <xf numFmtId="0" fontId="5" fillId="0" borderId="4" xfId="1" applyFont="1" applyBorder="1" applyAlignment="1">
      <alignment vertical="center"/>
    </xf>
    <xf numFmtId="0" fontId="5" fillId="0" borderId="8" xfId="1" applyFont="1" applyBorder="1" applyAlignment="1">
      <alignment vertical="center"/>
    </xf>
    <xf numFmtId="0" fontId="5" fillId="0" borderId="14" xfId="1" applyFont="1" applyBorder="1" applyAlignment="1">
      <alignment vertical="center"/>
    </xf>
    <xf numFmtId="0" fontId="5" fillId="0" borderId="13" xfId="1" applyFont="1" applyBorder="1" applyAlignment="1">
      <alignment horizontal="left" vertical="center" shrinkToFit="1"/>
    </xf>
    <xf numFmtId="0" fontId="5" fillId="0" borderId="15" xfId="1" applyFont="1" applyBorder="1" applyAlignment="1">
      <alignment horizontal="left" vertical="center" shrinkToFit="1"/>
    </xf>
    <xf numFmtId="0" fontId="5" fillId="0" borderId="15" xfId="1" applyFont="1" applyBorder="1" applyAlignment="1">
      <alignment vertical="center" wrapText="1" shrinkToFit="1"/>
    </xf>
    <xf numFmtId="0" fontId="5" fillId="0" borderId="14" xfId="1" applyFont="1" applyBorder="1" applyAlignment="1">
      <alignment horizontal="center" vertical="center"/>
    </xf>
    <xf numFmtId="176" fontId="5" fillId="0" borderId="12" xfId="2" applyNumberFormat="1" applyFont="1" applyBorder="1" applyAlignment="1">
      <alignment horizontal="right" vertical="center" wrapText="1"/>
    </xf>
    <xf numFmtId="178" fontId="7" fillId="0" borderId="9" xfId="2" applyNumberFormat="1" applyFont="1" applyBorder="1" applyAlignment="1">
      <alignment horizontal="right" vertical="center" wrapText="1"/>
    </xf>
    <xf numFmtId="0" fontId="5" fillId="0" borderId="10" xfId="1" applyFont="1" applyBorder="1" applyAlignment="1">
      <alignment horizontal="right" vertical="center" wrapText="1" shrinkToFit="1"/>
    </xf>
    <xf numFmtId="176" fontId="5" fillId="0" borderId="3" xfId="2" applyNumberFormat="1" applyFont="1" applyBorder="1" applyAlignment="1">
      <alignment horizontal="right" vertical="center" wrapText="1"/>
    </xf>
    <xf numFmtId="179" fontId="5" fillId="0" borderId="3" xfId="4" applyNumberFormat="1" applyFont="1" applyBorder="1" applyAlignment="1">
      <alignment vertical="center" wrapText="1"/>
    </xf>
    <xf numFmtId="176" fontId="5" fillId="0" borderId="9" xfId="2" applyNumberFormat="1" applyFont="1" applyBorder="1" applyAlignment="1">
      <alignment horizontal="right" vertical="center" wrapText="1"/>
    </xf>
    <xf numFmtId="176" fontId="8" fillId="0" borderId="10" xfId="2" applyNumberFormat="1" applyFont="1" applyBorder="1" applyAlignment="1">
      <alignment vertical="center"/>
    </xf>
    <xf numFmtId="0" fontId="8" fillId="0" borderId="0" xfId="1" applyFont="1" applyBorder="1" applyAlignment="1">
      <alignment vertical="top"/>
    </xf>
    <xf numFmtId="0" fontId="9" fillId="0" borderId="0" xfId="1" applyFont="1" applyAlignment="1">
      <alignment horizontal="center" vertical="center"/>
    </xf>
    <xf numFmtId="0" fontId="8" fillId="0" borderId="8" xfId="1" applyFont="1" applyBorder="1" applyAlignment="1">
      <alignment horizontal="center" vertical="center"/>
    </xf>
    <xf numFmtId="0" fontId="8" fillId="0" borderId="9" xfId="1" applyFont="1" applyBorder="1" applyAlignment="1">
      <alignment horizontal="center" vertical="center"/>
    </xf>
  </cellXfs>
  <cellStyles count="5">
    <cellStyle name="パーセント 2" xfId="3" xr:uid="{00000000-0005-0000-0000-000000000000}"/>
    <cellStyle name="桁区切り" xfId="4" builtinId="6"/>
    <cellStyle name="桁区切り 2" xfId="2" xr:uid="{00000000-0005-0000-0000-000002000000}"/>
    <cellStyle name="標準" xfId="0" builtinId="0"/>
    <cellStyle name="標準 2" xfId="1" xr:uid="{00000000-0005-0000-0000-000004000000}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Theme 2007 - 2010">
  <a:themeElements>
    <a:clrScheme name="Office 2007 - 2010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 2007 - 2010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 2007 - 2010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>
    <pageSetUpPr fitToPage="1"/>
  </sheetPr>
  <dimension ref="A1:I35"/>
  <sheetViews>
    <sheetView showGridLines="0" tabSelected="1" view="pageBreakPreview" zoomScaleNormal="100" zoomScaleSheetLayoutView="100" workbookViewId="0">
      <selection activeCell="A3" sqref="A3"/>
    </sheetView>
  </sheetViews>
  <sheetFormatPr defaultRowHeight="18.75" x14ac:dyDescent="0.15"/>
  <cols>
    <col min="1" max="1" width="10.375" style="31" bestFit="1" customWidth="1"/>
    <col min="2" max="2" width="2.875" style="31" bestFit="1" customWidth="1"/>
    <col min="3" max="3" width="17.875" style="31" customWidth="1"/>
    <col min="4" max="4" width="17.125" style="31" customWidth="1"/>
    <col min="5" max="5" width="11.75" style="31" customWidth="1"/>
    <col min="6" max="6" width="12.375" style="31" customWidth="1"/>
    <col min="7" max="7" width="16.625" style="31" customWidth="1"/>
    <col min="8" max="8" width="3.5" style="1" customWidth="1"/>
    <col min="9" max="9" width="8.5" style="1" customWidth="1"/>
    <col min="10" max="257" width="9" style="1"/>
    <col min="258" max="258" width="16.625" style="1" customWidth="1"/>
    <col min="259" max="259" width="11.25" style="1" bestFit="1" customWidth="1"/>
    <col min="260" max="260" width="7" style="1" customWidth="1"/>
    <col min="261" max="261" width="7.5" style="1" bestFit="1" customWidth="1"/>
    <col min="262" max="262" width="10.125" style="1" bestFit="1" customWidth="1"/>
    <col min="263" max="263" width="45.625" style="1" customWidth="1"/>
    <col min="264" max="264" width="3.5" style="1" customWidth="1"/>
    <col min="265" max="265" width="75.375" style="1" customWidth="1"/>
    <col min="266" max="513" width="9" style="1"/>
    <col min="514" max="514" width="16.625" style="1" customWidth="1"/>
    <col min="515" max="515" width="11.25" style="1" bestFit="1" customWidth="1"/>
    <col min="516" max="516" width="7" style="1" customWidth="1"/>
    <col min="517" max="517" width="7.5" style="1" bestFit="1" customWidth="1"/>
    <col min="518" max="518" width="10.125" style="1" bestFit="1" customWidth="1"/>
    <col min="519" max="519" width="45.625" style="1" customWidth="1"/>
    <col min="520" max="520" width="3.5" style="1" customWidth="1"/>
    <col min="521" max="521" width="75.375" style="1" customWidth="1"/>
    <col min="522" max="769" width="9" style="1"/>
    <col min="770" max="770" width="16.625" style="1" customWidth="1"/>
    <col min="771" max="771" width="11.25" style="1" bestFit="1" customWidth="1"/>
    <col min="772" max="772" width="7" style="1" customWidth="1"/>
    <col min="773" max="773" width="7.5" style="1" bestFit="1" customWidth="1"/>
    <col min="774" max="774" width="10.125" style="1" bestFit="1" customWidth="1"/>
    <col min="775" max="775" width="45.625" style="1" customWidth="1"/>
    <col min="776" max="776" width="3.5" style="1" customWidth="1"/>
    <col min="777" max="777" width="75.375" style="1" customWidth="1"/>
    <col min="778" max="1025" width="9" style="1"/>
    <col min="1026" max="1026" width="16.625" style="1" customWidth="1"/>
    <col min="1027" max="1027" width="11.25" style="1" bestFit="1" customWidth="1"/>
    <col min="1028" max="1028" width="7" style="1" customWidth="1"/>
    <col min="1029" max="1029" width="7.5" style="1" bestFit="1" customWidth="1"/>
    <col min="1030" max="1030" width="10.125" style="1" bestFit="1" customWidth="1"/>
    <col min="1031" max="1031" width="45.625" style="1" customWidth="1"/>
    <col min="1032" max="1032" width="3.5" style="1" customWidth="1"/>
    <col min="1033" max="1033" width="75.375" style="1" customWidth="1"/>
    <col min="1034" max="1281" width="9" style="1"/>
    <col min="1282" max="1282" width="16.625" style="1" customWidth="1"/>
    <col min="1283" max="1283" width="11.25" style="1" bestFit="1" customWidth="1"/>
    <col min="1284" max="1284" width="7" style="1" customWidth="1"/>
    <col min="1285" max="1285" width="7.5" style="1" bestFit="1" customWidth="1"/>
    <col min="1286" max="1286" width="10.125" style="1" bestFit="1" customWidth="1"/>
    <col min="1287" max="1287" width="45.625" style="1" customWidth="1"/>
    <col min="1288" max="1288" width="3.5" style="1" customWidth="1"/>
    <col min="1289" max="1289" width="75.375" style="1" customWidth="1"/>
    <col min="1290" max="1537" width="9" style="1"/>
    <col min="1538" max="1538" width="16.625" style="1" customWidth="1"/>
    <col min="1539" max="1539" width="11.25" style="1" bestFit="1" customWidth="1"/>
    <col min="1540" max="1540" width="7" style="1" customWidth="1"/>
    <col min="1541" max="1541" width="7.5" style="1" bestFit="1" customWidth="1"/>
    <col min="1542" max="1542" width="10.125" style="1" bestFit="1" customWidth="1"/>
    <col min="1543" max="1543" width="45.625" style="1" customWidth="1"/>
    <col min="1544" max="1544" width="3.5" style="1" customWidth="1"/>
    <col min="1545" max="1545" width="75.375" style="1" customWidth="1"/>
    <col min="1546" max="1793" width="9" style="1"/>
    <col min="1794" max="1794" width="16.625" style="1" customWidth="1"/>
    <col min="1795" max="1795" width="11.25" style="1" bestFit="1" customWidth="1"/>
    <col min="1796" max="1796" width="7" style="1" customWidth="1"/>
    <col min="1797" max="1797" width="7.5" style="1" bestFit="1" customWidth="1"/>
    <col min="1798" max="1798" width="10.125" style="1" bestFit="1" customWidth="1"/>
    <col min="1799" max="1799" width="45.625" style="1" customWidth="1"/>
    <col min="1800" max="1800" width="3.5" style="1" customWidth="1"/>
    <col min="1801" max="1801" width="75.375" style="1" customWidth="1"/>
    <col min="1802" max="2049" width="9" style="1"/>
    <col min="2050" max="2050" width="16.625" style="1" customWidth="1"/>
    <col min="2051" max="2051" width="11.25" style="1" bestFit="1" customWidth="1"/>
    <col min="2052" max="2052" width="7" style="1" customWidth="1"/>
    <col min="2053" max="2053" width="7.5" style="1" bestFit="1" customWidth="1"/>
    <col min="2054" max="2054" width="10.125" style="1" bestFit="1" customWidth="1"/>
    <col min="2055" max="2055" width="45.625" style="1" customWidth="1"/>
    <col min="2056" max="2056" width="3.5" style="1" customWidth="1"/>
    <col min="2057" max="2057" width="75.375" style="1" customWidth="1"/>
    <col min="2058" max="2305" width="9" style="1"/>
    <col min="2306" max="2306" width="16.625" style="1" customWidth="1"/>
    <col min="2307" max="2307" width="11.25" style="1" bestFit="1" customWidth="1"/>
    <col min="2308" max="2308" width="7" style="1" customWidth="1"/>
    <col min="2309" max="2309" width="7.5" style="1" bestFit="1" customWidth="1"/>
    <col min="2310" max="2310" width="10.125" style="1" bestFit="1" customWidth="1"/>
    <col min="2311" max="2311" width="45.625" style="1" customWidth="1"/>
    <col min="2312" max="2312" width="3.5" style="1" customWidth="1"/>
    <col min="2313" max="2313" width="75.375" style="1" customWidth="1"/>
    <col min="2314" max="2561" width="9" style="1"/>
    <col min="2562" max="2562" width="16.625" style="1" customWidth="1"/>
    <col min="2563" max="2563" width="11.25" style="1" bestFit="1" customWidth="1"/>
    <col min="2564" max="2564" width="7" style="1" customWidth="1"/>
    <col min="2565" max="2565" width="7.5" style="1" bestFit="1" customWidth="1"/>
    <col min="2566" max="2566" width="10.125" style="1" bestFit="1" customWidth="1"/>
    <col min="2567" max="2567" width="45.625" style="1" customWidth="1"/>
    <col min="2568" max="2568" width="3.5" style="1" customWidth="1"/>
    <col min="2569" max="2569" width="75.375" style="1" customWidth="1"/>
    <col min="2570" max="2817" width="9" style="1"/>
    <col min="2818" max="2818" width="16.625" style="1" customWidth="1"/>
    <col min="2819" max="2819" width="11.25" style="1" bestFit="1" customWidth="1"/>
    <col min="2820" max="2820" width="7" style="1" customWidth="1"/>
    <col min="2821" max="2821" width="7.5" style="1" bestFit="1" customWidth="1"/>
    <col min="2822" max="2822" width="10.125" style="1" bestFit="1" customWidth="1"/>
    <col min="2823" max="2823" width="45.625" style="1" customWidth="1"/>
    <col min="2824" max="2824" width="3.5" style="1" customWidth="1"/>
    <col min="2825" max="2825" width="75.375" style="1" customWidth="1"/>
    <col min="2826" max="3073" width="9" style="1"/>
    <col min="3074" max="3074" width="16.625" style="1" customWidth="1"/>
    <col min="3075" max="3075" width="11.25" style="1" bestFit="1" customWidth="1"/>
    <col min="3076" max="3076" width="7" style="1" customWidth="1"/>
    <col min="3077" max="3077" width="7.5" style="1" bestFit="1" customWidth="1"/>
    <col min="3078" max="3078" width="10.125" style="1" bestFit="1" customWidth="1"/>
    <col min="3079" max="3079" width="45.625" style="1" customWidth="1"/>
    <col min="3080" max="3080" width="3.5" style="1" customWidth="1"/>
    <col min="3081" max="3081" width="75.375" style="1" customWidth="1"/>
    <col min="3082" max="3329" width="9" style="1"/>
    <col min="3330" max="3330" width="16.625" style="1" customWidth="1"/>
    <col min="3331" max="3331" width="11.25" style="1" bestFit="1" customWidth="1"/>
    <col min="3332" max="3332" width="7" style="1" customWidth="1"/>
    <col min="3333" max="3333" width="7.5" style="1" bestFit="1" customWidth="1"/>
    <col min="3334" max="3334" width="10.125" style="1" bestFit="1" customWidth="1"/>
    <col min="3335" max="3335" width="45.625" style="1" customWidth="1"/>
    <col min="3336" max="3336" width="3.5" style="1" customWidth="1"/>
    <col min="3337" max="3337" width="75.375" style="1" customWidth="1"/>
    <col min="3338" max="3585" width="9" style="1"/>
    <col min="3586" max="3586" width="16.625" style="1" customWidth="1"/>
    <col min="3587" max="3587" width="11.25" style="1" bestFit="1" customWidth="1"/>
    <col min="3588" max="3588" width="7" style="1" customWidth="1"/>
    <col min="3589" max="3589" width="7.5" style="1" bestFit="1" customWidth="1"/>
    <col min="3590" max="3590" width="10.125" style="1" bestFit="1" customWidth="1"/>
    <col min="3591" max="3591" width="45.625" style="1" customWidth="1"/>
    <col min="3592" max="3592" width="3.5" style="1" customWidth="1"/>
    <col min="3593" max="3593" width="75.375" style="1" customWidth="1"/>
    <col min="3594" max="3841" width="9" style="1"/>
    <col min="3842" max="3842" width="16.625" style="1" customWidth="1"/>
    <col min="3843" max="3843" width="11.25" style="1" bestFit="1" customWidth="1"/>
    <col min="3844" max="3844" width="7" style="1" customWidth="1"/>
    <col min="3845" max="3845" width="7.5" style="1" bestFit="1" customWidth="1"/>
    <col min="3846" max="3846" width="10.125" style="1" bestFit="1" customWidth="1"/>
    <col min="3847" max="3847" width="45.625" style="1" customWidth="1"/>
    <col min="3848" max="3848" width="3.5" style="1" customWidth="1"/>
    <col min="3849" max="3849" width="75.375" style="1" customWidth="1"/>
    <col min="3850" max="4097" width="9" style="1"/>
    <col min="4098" max="4098" width="16.625" style="1" customWidth="1"/>
    <col min="4099" max="4099" width="11.25" style="1" bestFit="1" customWidth="1"/>
    <col min="4100" max="4100" width="7" style="1" customWidth="1"/>
    <col min="4101" max="4101" width="7.5" style="1" bestFit="1" customWidth="1"/>
    <col min="4102" max="4102" width="10.125" style="1" bestFit="1" customWidth="1"/>
    <col min="4103" max="4103" width="45.625" style="1" customWidth="1"/>
    <col min="4104" max="4104" width="3.5" style="1" customWidth="1"/>
    <col min="4105" max="4105" width="75.375" style="1" customWidth="1"/>
    <col min="4106" max="4353" width="9" style="1"/>
    <col min="4354" max="4354" width="16.625" style="1" customWidth="1"/>
    <col min="4355" max="4355" width="11.25" style="1" bestFit="1" customWidth="1"/>
    <col min="4356" max="4356" width="7" style="1" customWidth="1"/>
    <col min="4357" max="4357" width="7.5" style="1" bestFit="1" customWidth="1"/>
    <col min="4358" max="4358" width="10.125" style="1" bestFit="1" customWidth="1"/>
    <col min="4359" max="4359" width="45.625" style="1" customWidth="1"/>
    <col min="4360" max="4360" width="3.5" style="1" customWidth="1"/>
    <col min="4361" max="4361" width="75.375" style="1" customWidth="1"/>
    <col min="4362" max="4609" width="9" style="1"/>
    <col min="4610" max="4610" width="16.625" style="1" customWidth="1"/>
    <col min="4611" max="4611" width="11.25" style="1" bestFit="1" customWidth="1"/>
    <col min="4612" max="4612" width="7" style="1" customWidth="1"/>
    <col min="4613" max="4613" width="7.5" style="1" bestFit="1" customWidth="1"/>
    <col min="4614" max="4614" width="10.125" style="1" bestFit="1" customWidth="1"/>
    <col min="4615" max="4615" width="45.625" style="1" customWidth="1"/>
    <col min="4616" max="4616" width="3.5" style="1" customWidth="1"/>
    <col min="4617" max="4617" width="75.375" style="1" customWidth="1"/>
    <col min="4618" max="4865" width="9" style="1"/>
    <col min="4866" max="4866" width="16.625" style="1" customWidth="1"/>
    <col min="4867" max="4867" width="11.25" style="1" bestFit="1" customWidth="1"/>
    <col min="4868" max="4868" width="7" style="1" customWidth="1"/>
    <col min="4869" max="4869" width="7.5" style="1" bestFit="1" customWidth="1"/>
    <col min="4870" max="4870" width="10.125" style="1" bestFit="1" customWidth="1"/>
    <col min="4871" max="4871" width="45.625" style="1" customWidth="1"/>
    <col min="4872" max="4872" width="3.5" style="1" customWidth="1"/>
    <col min="4873" max="4873" width="75.375" style="1" customWidth="1"/>
    <col min="4874" max="5121" width="9" style="1"/>
    <col min="5122" max="5122" width="16.625" style="1" customWidth="1"/>
    <col min="5123" max="5123" width="11.25" style="1" bestFit="1" customWidth="1"/>
    <col min="5124" max="5124" width="7" style="1" customWidth="1"/>
    <col min="5125" max="5125" width="7.5" style="1" bestFit="1" customWidth="1"/>
    <col min="5126" max="5126" width="10.125" style="1" bestFit="1" customWidth="1"/>
    <col min="5127" max="5127" width="45.625" style="1" customWidth="1"/>
    <col min="5128" max="5128" width="3.5" style="1" customWidth="1"/>
    <col min="5129" max="5129" width="75.375" style="1" customWidth="1"/>
    <col min="5130" max="5377" width="9" style="1"/>
    <col min="5378" max="5378" width="16.625" style="1" customWidth="1"/>
    <col min="5379" max="5379" width="11.25" style="1" bestFit="1" customWidth="1"/>
    <col min="5380" max="5380" width="7" style="1" customWidth="1"/>
    <col min="5381" max="5381" width="7.5" style="1" bestFit="1" customWidth="1"/>
    <col min="5382" max="5382" width="10.125" style="1" bestFit="1" customWidth="1"/>
    <col min="5383" max="5383" width="45.625" style="1" customWidth="1"/>
    <col min="5384" max="5384" width="3.5" style="1" customWidth="1"/>
    <col min="5385" max="5385" width="75.375" style="1" customWidth="1"/>
    <col min="5386" max="5633" width="9" style="1"/>
    <col min="5634" max="5634" width="16.625" style="1" customWidth="1"/>
    <col min="5635" max="5635" width="11.25" style="1" bestFit="1" customWidth="1"/>
    <col min="5636" max="5636" width="7" style="1" customWidth="1"/>
    <col min="5637" max="5637" width="7.5" style="1" bestFit="1" customWidth="1"/>
    <col min="5638" max="5638" width="10.125" style="1" bestFit="1" customWidth="1"/>
    <col min="5639" max="5639" width="45.625" style="1" customWidth="1"/>
    <col min="5640" max="5640" width="3.5" style="1" customWidth="1"/>
    <col min="5641" max="5641" width="75.375" style="1" customWidth="1"/>
    <col min="5642" max="5889" width="9" style="1"/>
    <col min="5890" max="5890" width="16.625" style="1" customWidth="1"/>
    <col min="5891" max="5891" width="11.25" style="1" bestFit="1" customWidth="1"/>
    <col min="5892" max="5892" width="7" style="1" customWidth="1"/>
    <col min="5893" max="5893" width="7.5" style="1" bestFit="1" customWidth="1"/>
    <col min="5894" max="5894" width="10.125" style="1" bestFit="1" customWidth="1"/>
    <col min="5895" max="5895" width="45.625" style="1" customWidth="1"/>
    <col min="5896" max="5896" width="3.5" style="1" customWidth="1"/>
    <col min="5897" max="5897" width="75.375" style="1" customWidth="1"/>
    <col min="5898" max="6145" width="9" style="1"/>
    <col min="6146" max="6146" width="16.625" style="1" customWidth="1"/>
    <col min="6147" max="6147" width="11.25" style="1" bestFit="1" customWidth="1"/>
    <col min="6148" max="6148" width="7" style="1" customWidth="1"/>
    <col min="6149" max="6149" width="7.5" style="1" bestFit="1" customWidth="1"/>
    <col min="6150" max="6150" width="10.125" style="1" bestFit="1" customWidth="1"/>
    <col min="6151" max="6151" width="45.625" style="1" customWidth="1"/>
    <col min="6152" max="6152" width="3.5" style="1" customWidth="1"/>
    <col min="6153" max="6153" width="75.375" style="1" customWidth="1"/>
    <col min="6154" max="6401" width="9" style="1"/>
    <col min="6402" max="6402" width="16.625" style="1" customWidth="1"/>
    <col min="6403" max="6403" width="11.25" style="1" bestFit="1" customWidth="1"/>
    <col min="6404" max="6404" width="7" style="1" customWidth="1"/>
    <col min="6405" max="6405" width="7.5" style="1" bestFit="1" customWidth="1"/>
    <col min="6406" max="6406" width="10.125" style="1" bestFit="1" customWidth="1"/>
    <col min="6407" max="6407" width="45.625" style="1" customWidth="1"/>
    <col min="6408" max="6408" width="3.5" style="1" customWidth="1"/>
    <col min="6409" max="6409" width="75.375" style="1" customWidth="1"/>
    <col min="6410" max="6657" width="9" style="1"/>
    <col min="6658" max="6658" width="16.625" style="1" customWidth="1"/>
    <col min="6659" max="6659" width="11.25" style="1" bestFit="1" customWidth="1"/>
    <col min="6660" max="6660" width="7" style="1" customWidth="1"/>
    <col min="6661" max="6661" width="7.5" style="1" bestFit="1" customWidth="1"/>
    <col min="6662" max="6662" width="10.125" style="1" bestFit="1" customWidth="1"/>
    <col min="6663" max="6663" width="45.625" style="1" customWidth="1"/>
    <col min="6664" max="6664" width="3.5" style="1" customWidth="1"/>
    <col min="6665" max="6665" width="75.375" style="1" customWidth="1"/>
    <col min="6666" max="6913" width="9" style="1"/>
    <col min="6914" max="6914" width="16.625" style="1" customWidth="1"/>
    <col min="6915" max="6915" width="11.25" style="1" bestFit="1" customWidth="1"/>
    <col min="6916" max="6916" width="7" style="1" customWidth="1"/>
    <col min="6917" max="6917" width="7.5" style="1" bestFit="1" customWidth="1"/>
    <col min="6918" max="6918" width="10.125" style="1" bestFit="1" customWidth="1"/>
    <col min="6919" max="6919" width="45.625" style="1" customWidth="1"/>
    <col min="6920" max="6920" width="3.5" style="1" customWidth="1"/>
    <col min="6921" max="6921" width="75.375" style="1" customWidth="1"/>
    <col min="6922" max="7169" width="9" style="1"/>
    <col min="7170" max="7170" width="16.625" style="1" customWidth="1"/>
    <col min="7171" max="7171" width="11.25" style="1" bestFit="1" customWidth="1"/>
    <col min="7172" max="7172" width="7" style="1" customWidth="1"/>
    <col min="7173" max="7173" width="7.5" style="1" bestFit="1" customWidth="1"/>
    <col min="7174" max="7174" width="10.125" style="1" bestFit="1" customWidth="1"/>
    <col min="7175" max="7175" width="45.625" style="1" customWidth="1"/>
    <col min="7176" max="7176" width="3.5" style="1" customWidth="1"/>
    <col min="7177" max="7177" width="75.375" style="1" customWidth="1"/>
    <col min="7178" max="7425" width="9" style="1"/>
    <col min="7426" max="7426" width="16.625" style="1" customWidth="1"/>
    <col min="7427" max="7427" width="11.25" style="1" bestFit="1" customWidth="1"/>
    <col min="7428" max="7428" width="7" style="1" customWidth="1"/>
    <col min="7429" max="7429" width="7.5" style="1" bestFit="1" customWidth="1"/>
    <col min="7430" max="7430" width="10.125" style="1" bestFit="1" customWidth="1"/>
    <col min="7431" max="7431" width="45.625" style="1" customWidth="1"/>
    <col min="7432" max="7432" width="3.5" style="1" customWidth="1"/>
    <col min="7433" max="7433" width="75.375" style="1" customWidth="1"/>
    <col min="7434" max="7681" width="9" style="1"/>
    <col min="7682" max="7682" width="16.625" style="1" customWidth="1"/>
    <col min="7683" max="7683" width="11.25" style="1" bestFit="1" customWidth="1"/>
    <col min="7684" max="7684" width="7" style="1" customWidth="1"/>
    <col min="7685" max="7685" width="7.5" style="1" bestFit="1" customWidth="1"/>
    <col min="7686" max="7686" width="10.125" style="1" bestFit="1" customWidth="1"/>
    <col min="7687" max="7687" width="45.625" style="1" customWidth="1"/>
    <col min="7688" max="7688" width="3.5" style="1" customWidth="1"/>
    <col min="7689" max="7689" width="75.375" style="1" customWidth="1"/>
    <col min="7690" max="7937" width="9" style="1"/>
    <col min="7938" max="7938" width="16.625" style="1" customWidth="1"/>
    <col min="7939" max="7939" width="11.25" style="1" bestFit="1" customWidth="1"/>
    <col min="7940" max="7940" width="7" style="1" customWidth="1"/>
    <col min="7941" max="7941" width="7.5" style="1" bestFit="1" customWidth="1"/>
    <col min="7942" max="7942" width="10.125" style="1" bestFit="1" customWidth="1"/>
    <col min="7943" max="7943" width="45.625" style="1" customWidth="1"/>
    <col min="7944" max="7944" width="3.5" style="1" customWidth="1"/>
    <col min="7945" max="7945" width="75.375" style="1" customWidth="1"/>
    <col min="7946" max="8193" width="9" style="1"/>
    <col min="8194" max="8194" width="16.625" style="1" customWidth="1"/>
    <col min="8195" max="8195" width="11.25" style="1" bestFit="1" customWidth="1"/>
    <col min="8196" max="8196" width="7" style="1" customWidth="1"/>
    <col min="8197" max="8197" width="7.5" style="1" bestFit="1" customWidth="1"/>
    <col min="8198" max="8198" width="10.125" style="1" bestFit="1" customWidth="1"/>
    <col min="8199" max="8199" width="45.625" style="1" customWidth="1"/>
    <col min="8200" max="8200" width="3.5" style="1" customWidth="1"/>
    <col min="8201" max="8201" width="75.375" style="1" customWidth="1"/>
    <col min="8202" max="8449" width="9" style="1"/>
    <col min="8450" max="8450" width="16.625" style="1" customWidth="1"/>
    <col min="8451" max="8451" width="11.25" style="1" bestFit="1" customWidth="1"/>
    <col min="8452" max="8452" width="7" style="1" customWidth="1"/>
    <col min="8453" max="8453" width="7.5" style="1" bestFit="1" customWidth="1"/>
    <col min="8454" max="8454" width="10.125" style="1" bestFit="1" customWidth="1"/>
    <col min="8455" max="8455" width="45.625" style="1" customWidth="1"/>
    <col min="8456" max="8456" width="3.5" style="1" customWidth="1"/>
    <col min="8457" max="8457" width="75.375" style="1" customWidth="1"/>
    <col min="8458" max="8705" width="9" style="1"/>
    <col min="8706" max="8706" width="16.625" style="1" customWidth="1"/>
    <col min="8707" max="8707" width="11.25" style="1" bestFit="1" customWidth="1"/>
    <col min="8708" max="8708" width="7" style="1" customWidth="1"/>
    <col min="8709" max="8709" width="7.5" style="1" bestFit="1" customWidth="1"/>
    <col min="8710" max="8710" width="10.125" style="1" bestFit="1" customWidth="1"/>
    <col min="8711" max="8711" width="45.625" style="1" customWidth="1"/>
    <col min="8712" max="8712" width="3.5" style="1" customWidth="1"/>
    <col min="8713" max="8713" width="75.375" style="1" customWidth="1"/>
    <col min="8714" max="8961" width="9" style="1"/>
    <col min="8962" max="8962" width="16.625" style="1" customWidth="1"/>
    <col min="8963" max="8963" width="11.25" style="1" bestFit="1" customWidth="1"/>
    <col min="8964" max="8964" width="7" style="1" customWidth="1"/>
    <col min="8965" max="8965" width="7.5" style="1" bestFit="1" customWidth="1"/>
    <col min="8966" max="8966" width="10.125" style="1" bestFit="1" customWidth="1"/>
    <col min="8967" max="8967" width="45.625" style="1" customWidth="1"/>
    <col min="8968" max="8968" width="3.5" style="1" customWidth="1"/>
    <col min="8969" max="8969" width="75.375" style="1" customWidth="1"/>
    <col min="8970" max="9217" width="9" style="1"/>
    <col min="9218" max="9218" width="16.625" style="1" customWidth="1"/>
    <col min="9219" max="9219" width="11.25" style="1" bestFit="1" customWidth="1"/>
    <col min="9220" max="9220" width="7" style="1" customWidth="1"/>
    <col min="9221" max="9221" width="7.5" style="1" bestFit="1" customWidth="1"/>
    <col min="9222" max="9222" width="10.125" style="1" bestFit="1" customWidth="1"/>
    <col min="9223" max="9223" width="45.625" style="1" customWidth="1"/>
    <col min="9224" max="9224" width="3.5" style="1" customWidth="1"/>
    <col min="9225" max="9225" width="75.375" style="1" customWidth="1"/>
    <col min="9226" max="9473" width="9" style="1"/>
    <col min="9474" max="9474" width="16.625" style="1" customWidth="1"/>
    <col min="9475" max="9475" width="11.25" style="1" bestFit="1" customWidth="1"/>
    <col min="9476" max="9476" width="7" style="1" customWidth="1"/>
    <col min="9477" max="9477" width="7.5" style="1" bestFit="1" customWidth="1"/>
    <col min="9478" max="9478" width="10.125" style="1" bestFit="1" customWidth="1"/>
    <col min="9479" max="9479" width="45.625" style="1" customWidth="1"/>
    <col min="9480" max="9480" width="3.5" style="1" customWidth="1"/>
    <col min="9481" max="9481" width="75.375" style="1" customWidth="1"/>
    <col min="9482" max="9729" width="9" style="1"/>
    <col min="9730" max="9730" width="16.625" style="1" customWidth="1"/>
    <col min="9731" max="9731" width="11.25" style="1" bestFit="1" customWidth="1"/>
    <col min="9732" max="9732" width="7" style="1" customWidth="1"/>
    <col min="9733" max="9733" width="7.5" style="1" bestFit="1" customWidth="1"/>
    <col min="9734" max="9734" width="10.125" style="1" bestFit="1" customWidth="1"/>
    <col min="9735" max="9735" width="45.625" style="1" customWidth="1"/>
    <col min="9736" max="9736" width="3.5" style="1" customWidth="1"/>
    <col min="9737" max="9737" width="75.375" style="1" customWidth="1"/>
    <col min="9738" max="9985" width="9" style="1"/>
    <col min="9986" max="9986" width="16.625" style="1" customWidth="1"/>
    <col min="9987" max="9987" width="11.25" style="1" bestFit="1" customWidth="1"/>
    <col min="9988" max="9988" width="7" style="1" customWidth="1"/>
    <col min="9989" max="9989" width="7.5" style="1" bestFit="1" customWidth="1"/>
    <col min="9990" max="9990" width="10.125" style="1" bestFit="1" customWidth="1"/>
    <col min="9991" max="9991" width="45.625" style="1" customWidth="1"/>
    <col min="9992" max="9992" width="3.5" style="1" customWidth="1"/>
    <col min="9993" max="9993" width="75.375" style="1" customWidth="1"/>
    <col min="9994" max="10241" width="9" style="1"/>
    <col min="10242" max="10242" width="16.625" style="1" customWidth="1"/>
    <col min="10243" max="10243" width="11.25" style="1" bestFit="1" customWidth="1"/>
    <col min="10244" max="10244" width="7" style="1" customWidth="1"/>
    <col min="10245" max="10245" width="7.5" style="1" bestFit="1" customWidth="1"/>
    <col min="10246" max="10246" width="10.125" style="1" bestFit="1" customWidth="1"/>
    <col min="10247" max="10247" width="45.625" style="1" customWidth="1"/>
    <col min="10248" max="10248" width="3.5" style="1" customWidth="1"/>
    <col min="10249" max="10249" width="75.375" style="1" customWidth="1"/>
    <col min="10250" max="10497" width="9" style="1"/>
    <col min="10498" max="10498" width="16.625" style="1" customWidth="1"/>
    <col min="10499" max="10499" width="11.25" style="1" bestFit="1" customWidth="1"/>
    <col min="10500" max="10500" width="7" style="1" customWidth="1"/>
    <col min="10501" max="10501" width="7.5" style="1" bestFit="1" customWidth="1"/>
    <col min="10502" max="10502" width="10.125" style="1" bestFit="1" customWidth="1"/>
    <col min="10503" max="10503" width="45.625" style="1" customWidth="1"/>
    <col min="10504" max="10504" width="3.5" style="1" customWidth="1"/>
    <col min="10505" max="10505" width="75.375" style="1" customWidth="1"/>
    <col min="10506" max="10753" width="9" style="1"/>
    <col min="10754" max="10754" width="16.625" style="1" customWidth="1"/>
    <col min="10755" max="10755" width="11.25" style="1" bestFit="1" customWidth="1"/>
    <col min="10756" max="10756" width="7" style="1" customWidth="1"/>
    <col min="10757" max="10757" width="7.5" style="1" bestFit="1" customWidth="1"/>
    <col min="10758" max="10758" width="10.125" style="1" bestFit="1" customWidth="1"/>
    <col min="10759" max="10759" width="45.625" style="1" customWidth="1"/>
    <col min="10760" max="10760" width="3.5" style="1" customWidth="1"/>
    <col min="10761" max="10761" width="75.375" style="1" customWidth="1"/>
    <col min="10762" max="11009" width="9" style="1"/>
    <col min="11010" max="11010" width="16.625" style="1" customWidth="1"/>
    <col min="11011" max="11011" width="11.25" style="1" bestFit="1" customWidth="1"/>
    <col min="11012" max="11012" width="7" style="1" customWidth="1"/>
    <col min="11013" max="11013" width="7.5" style="1" bestFit="1" customWidth="1"/>
    <col min="11014" max="11014" width="10.125" style="1" bestFit="1" customWidth="1"/>
    <col min="11015" max="11015" width="45.625" style="1" customWidth="1"/>
    <col min="11016" max="11016" width="3.5" style="1" customWidth="1"/>
    <col min="11017" max="11017" width="75.375" style="1" customWidth="1"/>
    <col min="11018" max="11265" width="9" style="1"/>
    <col min="11266" max="11266" width="16.625" style="1" customWidth="1"/>
    <col min="11267" max="11267" width="11.25" style="1" bestFit="1" customWidth="1"/>
    <col min="11268" max="11268" width="7" style="1" customWidth="1"/>
    <col min="11269" max="11269" width="7.5" style="1" bestFit="1" customWidth="1"/>
    <col min="11270" max="11270" width="10.125" style="1" bestFit="1" customWidth="1"/>
    <col min="11271" max="11271" width="45.625" style="1" customWidth="1"/>
    <col min="11272" max="11272" width="3.5" style="1" customWidth="1"/>
    <col min="11273" max="11273" width="75.375" style="1" customWidth="1"/>
    <col min="11274" max="11521" width="9" style="1"/>
    <col min="11522" max="11522" width="16.625" style="1" customWidth="1"/>
    <col min="11523" max="11523" width="11.25" style="1" bestFit="1" customWidth="1"/>
    <col min="11524" max="11524" width="7" style="1" customWidth="1"/>
    <col min="11525" max="11525" width="7.5" style="1" bestFit="1" customWidth="1"/>
    <col min="11526" max="11526" width="10.125" style="1" bestFit="1" customWidth="1"/>
    <col min="11527" max="11527" width="45.625" style="1" customWidth="1"/>
    <col min="11528" max="11528" width="3.5" style="1" customWidth="1"/>
    <col min="11529" max="11529" width="75.375" style="1" customWidth="1"/>
    <col min="11530" max="11777" width="9" style="1"/>
    <col min="11778" max="11778" width="16.625" style="1" customWidth="1"/>
    <col min="11779" max="11779" width="11.25" style="1" bestFit="1" customWidth="1"/>
    <col min="11780" max="11780" width="7" style="1" customWidth="1"/>
    <col min="11781" max="11781" width="7.5" style="1" bestFit="1" customWidth="1"/>
    <col min="11782" max="11782" width="10.125" style="1" bestFit="1" customWidth="1"/>
    <col min="11783" max="11783" width="45.625" style="1" customWidth="1"/>
    <col min="11784" max="11784" width="3.5" style="1" customWidth="1"/>
    <col min="11785" max="11785" width="75.375" style="1" customWidth="1"/>
    <col min="11786" max="12033" width="9" style="1"/>
    <col min="12034" max="12034" width="16.625" style="1" customWidth="1"/>
    <col min="12035" max="12035" width="11.25" style="1" bestFit="1" customWidth="1"/>
    <col min="12036" max="12036" width="7" style="1" customWidth="1"/>
    <col min="12037" max="12037" width="7.5" style="1" bestFit="1" customWidth="1"/>
    <col min="12038" max="12038" width="10.125" style="1" bestFit="1" customWidth="1"/>
    <col min="12039" max="12039" width="45.625" style="1" customWidth="1"/>
    <col min="12040" max="12040" width="3.5" style="1" customWidth="1"/>
    <col min="12041" max="12041" width="75.375" style="1" customWidth="1"/>
    <col min="12042" max="12289" width="9" style="1"/>
    <col min="12290" max="12290" width="16.625" style="1" customWidth="1"/>
    <col min="12291" max="12291" width="11.25" style="1" bestFit="1" customWidth="1"/>
    <col min="12292" max="12292" width="7" style="1" customWidth="1"/>
    <col min="12293" max="12293" width="7.5" style="1" bestFit="1" customWidth="1"/>
    <col min="12294" max="12294" width="10.125" style="1" bestFit="1" customWidth="1"/>
    <col min="12295" max="12295" width="45.625" style="1" customWidth="1"/>
    <col min="12296" max="12296" width="3.5" style="1" customWidth="1"/>
    <col min="12297" max="12297" width="75.375" style="1" customWidth="1"/>
    <col min="12298" max="12545" width="9" style="1"/>
    <col min="12546" max="12546" width="16.625" style="1" customWidth="1"/>
    <col min="12547" max="12547" width="11.25" style="1" bestFit="1" customWidth="1"/>
    <col min="12548" max="12548" width="7" style="1" customWidth="1"/>
    <col min="12549" max="12549" width="7.5" style="1" bestFit="1" customWidth="1"/>
    <col min="12550" max="12550" width="10.125" style="1" bestFit="1" customWidth="1"/>
    <col min="12551" max="12551" width="45.625" style="1" customWidth="1"/>
    <col min="12552" max="12552" width="3.5" style="1" customWidth="1"/>
    <col min="12553" max="12553" width="75.375" style="1" customWidth="1"/>
    <col min="12554" max="12801" width="9" style="1"/>
    <col min="12802" max="12802" width="16.625" style="1" customWidth="1"/>
    <col min="12803" max="12803" width="11.25" style="1" bestFit="1" customWidth="1"/>
    <col min="12804" max="12804" width="7" style="1" customWidth="1"/>
    <col min="12805" max="12805" width="7.5" style="1" bestFit="1" customWidth="1"/>
    <col min="12806" max="12806" width="10.125" style="1" bestFit="1" customWidth="1"/>
    <col min="12807" max="12807" width="45.625" style="1" customWidth="1"/>
    <col min="12808" max="12808" width="3.5" style="1" customWidth="1"/>
    <col min="12809" max="12809" width="75.375" style="1" customWidth="1"/>
    <col min="12810" max="13057" width="9" style="1"/>
    <col min="13058" max="13058" width="16.625" style="1" customWidth="1"/>
    <col min="13059" max="13059" width="11.25" style="1" bestFit="1" customWidth="1"/>
    <col min="13060" max="13060" width="7" style="1" customWidth="1"/>
    <col min="13061" max="13061" width="7.5" style="1" bestFit="1" customWidth="1"/>
    <col min="13062" max="13062" width="10.125" style="1" bestFit="1" customWidth="1"/>
    <col min="13063" max="13063" width="45.625" style="1" customWidth="1"/>
    <col min="13064" max="13064" width="3.5" style="1" customWidth="1"/>
    <col min="13065" max="13065" width="75.375" style="1" customWidth="1"/>
    <col min="13066" max="13313" width="9" style="1"/>
    <col min="13314" max="13314" width="16.625" style="1" customWidth="1"/>
    <col min="13315" max="13315" width="11.25" style="1" bestFit="1" customWidth="1"/>
    <col min="13316" max="13316" width="7" style="1" customWidth="1"/>
    <col min="13317" max="13317" width="7.5" style="1" bestFit="1" customWidth="1"/>
    <col min="13318" max="13318" width="10.125" style="1" bestFit="1" customWidth="1"/>
    <col min="13319" max="13319" width="45.625" style="1" customWidth="1"/>
    <col min="13320" max="13320" width="3.5" style="1" customWidth="1"/>
    <col min="13321" max="13321" width="75.375" style="1" customWidth="1"/>
    <col min="13322" max="13569" width="9" style="1"/>
    <col min="13570" max="13570" width="16.625" style="1" customWidth="1"/>
    <col min="13571" max="13571" width="11.25" style="1" bestFit="1" customWidth="1"/>
    <col min="13572" max="13572" width="7" style="1" customWidth="1"/>
    <col min="13573" max="13573" width="7.5" style="1" bestFit="1" customWidth="1"/>
    <col min="13574" max="13574" width="10.125" style="1" bestFit="1" customWidth="1"/>
    <col min="13575" max="13575" width="45.625" style="1" customWidth="1"/>
    <col min="13576" max="13576" width="3.5" style="1" customWidth="1"/>
    <col min="13577" max="13577" width="75.375" style="1" customWidth="1"/>
    <col min="13578" max="13825" width="9" style="1"/>
    <col min="13826" max="13826" width="16.625" style="1" customWidth="1"/>
    <col min="13827" max="13827" width="11.25" style="1" bestFit="1" customWidth="1"/>
    <col min="13828" max="13828" width="7" style="1" customWidth="1"/>
    <col min="13829" max="13829" width="7.5" style="1" bestFit="1" customWidth="1"/>
    <col min="13830" max="13830" width="10.125" style="1" bestFit="1" customWidth="1"/>
    <col min="13831" max="13831" width="45.625" style="1" customWidth="1"/>
    <col min="13832" max="13832" width="3.5" style="1" customWidth="1"/>
    <col min="13833" max="13833" width="75.375" style="1" customWidth="1"/>
    <col min="13834" max="14081" width="9" style="1"/>
    <col min="14082" max="14082" width="16.625" style="1" customWidth="1"/>
    <col min="14083" max="14083" width="11.25" style="1" bestFit="1" customWidth="1"/>
    <col min="14084" max="14084" width="7" style="1" customWidth="1"/>
    <col min="14085" max="14085" width="7.5" style="1" bestFit="1" customWidth="1"/>
    <col min="14086" max="14086" width="10.125" style="1" bestFit="1" customWidth="1"/>
    <col min="14087" max="14087" width="45.625" style="1" customWidth="1"/>
    <col min="14088" max="14088" width="3.5" style="1" customWidth="1"/>
    <col min="14089" max="14089" width="75.375" style="1" customWidth="1"/>
    <col min="14090" max="14337" width="9" style="1"/>
    <col min="14338" max="14338" width="16.625" style="1" customWidth="1"/>
    <col min="14339" max="14339" width="11.25" style="1" bestFit="1" customWidth="1"/>
    <col min="14340" max="14340" width="7" style="1" customWidth="1"/>
    <col min="14341" max="14341" width="7.5" style="1" bestFit="1" customWidth="1"/>
    <col min="14342" max="14342" width="10.125" style="1" bestFit="1" customWidth="1"/>
    <col min="14343" max="14343" width="45.625" style="1" customWidth="1"/>
    <col min="14344" max="14344" width="3.5" style="1" customWidth="1"/>
    <col min="14345" max="14345" width="75.375" style="1" customWidth="1"/>
    <col min="14346" max="14593" width="9" style="1"/>
    <col min="14594" max="14594" width="16.625" style="1" customWidth="1"/>
    <col min="14595" max="14595" width="11.25" style="1" bestFit="1" customWidth="1"/>
    <col min="14596" max="14596" width="7" style="1" customWidth="1"/>
    <col min="14597" max="14597" width="7.5" style="1" bestFit="1" customWidth="1"/>
    <col min="14598" max="14598" width="10.125" style="1" bestFit="1" customWidth="1"/>
    <col min="14599" max="14599" width="45.625" style="1" customWidth="1"/>
    <col min="14600" max="14600" width="3.5" style="1" customWidth="1"/>
    <col min="14601" max="14601" width="75.375" style="1" customWidth="1"/>
    <col min="14602" max="14849" width="9" style="1"/>
    <col min="14850" max="14850" width="16.625" style="1" customWidth="1"/>
    <col min="14851" max="14851" width="11.25" style="1" bestFit="1" customWidth="1"/>
    <col min="14852" max="14852" width="7" style="1" customWidth="1"/>
    <col min="14853" max="14853" width="7.5" style="1" bestFit="1" customWidth="1"/>
    <col min="14854" max="14854" width="10.125" style="1" bestFit="1" customWidth="1"/>
    <col min="14855" max="14855" width="45.625" style="1" customWidth="1"/>
    <col min="14856" max="14856" width="3.5" style="1" customWidth="1"/>
    <col min="14857" max="14857" width="75.375" style="1" customWidth="1"/>
    <col min="14858" max="15105" width="9" style="1"/>
    <col min="15106" max="15106" width="16.625" style="1" customWidth="1"/>
    <col min="15107" max="15107" width="11.25" style="1" bestFit="1" customWidth="1"/>
    <col min="15108" max="15108" width="7" style="1" customWidth="1"/>
    <col min="15109" max="15109" width="7.5" style="1" bestFit="1" customWidth="1"/>
    <col min="15110" max="15110" width="10.125" style="1" bestFit="1" customWidth="1"/>
    <col min="15111" max="15111" width="45.625" style="1" customWidth="1"/>
    <col min="15112" max="15112" width="3.5" style="1" customWidth="1"/>
    <col min="15113" max="15113" width="75.375" style="1" customWidth="1"/>
    <col min="15114" max="15361" width="9" style="1"/>
    <col min="15362" max="15362" width="16.625" style="1" customWidth="1"/>
    <col min="15363" max="15363" width="11.25" style="1" bestFit="1" customWidth="1"/>
    <col min="15364" max="15364" width="7" style="1" customWidth="1"/>
    <col min="15365" max="15365" width="7.5" style="1" bestFit="1" customWidth="1"/>
    <col min="15366" max="15366" width="10.125" style="1" bestFit="1" customWidth="1"/>
    <col min="15367" max="15367" width="45.625" style="1" customWidth="1"/>
    <col min="15368" max="15368" width="3.5" style="1" customWidth="1"/>
    <col min="15369" max="15369" width="75.375" style="1" customWidth="1"/>
    <col min="15370" max="15617" width="9" style="1"/>
    <col min="15618" max="15618" width="16.625" style="1" customWidth="1"/>
    <col min="15619" max="15619" width="11.25" style="1" bestFit="1" customWidth="1"/>
    <col min="15620" max="15620" width="7" style="1" customWidth="1"/>
    <col min="15621" max="15621" width="7.5" style="1" bestFit="1" customWidth="1"/>
    <col min="15622" max="15622" width="10.125" style="1" bestFit="1" customWidth="1"/>
    <col min="15623" max="15623" width="45.625" style="1" customWidth="1"/>
    <col min="15624" max="15624" width="3.5" style="1" customWidth="1"/>
    <col min="15625" max="15625" width="75.375" style="1" customWidth="1"/>
    <col min="15626" max="15873" width="9" style="1"/>
    <col min="15874" max="15874" width="16.625" style="1" customWidth="1"/>
    <col min="15875" max="15875" width="11.25" style="1" bestFit="1" customWidth="1"/>
    <col min="15876" max="15876" width="7" style="1" customWidth="1"/>
    <col min="15877" max="15877" width="7.5" style="1" bestFit="1" customWidth="1"/>
    <col min="15878" max="15878" width="10.125" style="1" bestFit="1" customWidth="1"/>
    <col min="15879" max="15879" width="45.625" style="1" customWidth="1"/>
    <col min="15880" max="15880" width="3.5" style="1" customWidth="1"/>
    <col min="15881" max="15881" width="75.375" style="1" customWidth="1"/>
    <col min="15882" max="16129" width="9" style="1"/>
    <col min="16130" max="16130" width="16.625" style="1" customWidth="1"/>
    <col min="16131" max="16131" width="11.25" style="1" bestFit="1" customWidth="1"/>
    <col min="16132" max="16132" width="7" style="1" customWidth="1"/>
    <col min="16133" max="16133" width="7.5" style="1" bestFit="1" customWidth="1"/>
    <col min="16134" max="16134" width="10.125" style="1" bestFit="1" customWidth="1"/>
    <col min="16135" max="16135" width="45.625" style="1" customWidth="1"/>
    <col min="16136" max="16136" width="3.5" style="1" customWidth="1"/>
    <col min="16137" max="16137" width="75.375" style="1" customWidth="1"/>
    <col min="16138" max="16384" width="9" style="1"/>
  </cols>
  <sheetData>
    <row r="1" spans="1:9" ht="29.25" customHeight="1" x14ac:dyDescent="0.15">
      <c r="G1" s="2" t="s">
        <v>3</v>
      </c>
    </row>
    <row r="2" spans="1:9" ht="36" customHeight="1" x14ac:dyDescent="0.15">
      <c r="A2" s="53" t="s">
        <v>24</v>
      </c>
      <c r="B2" s="53"/>
      <c r="C2" s="53"/>
      <c r="D2" s="53"/>
      <c r="E2" s="53"/>
      <c r="F2" s="53"/>
      <c r="G2" s="53"/>
      <c r="I2" s="3"/>
    </row>
    <row r="3" spans="1:9" ht="16.5" customHeight="1" x14ac:dyDescent="0.15">
      <c r="I3" s="3"/>
    </row>
    <row r="4" spans="1:9" ht="33" customHeight="1" x14ac:dyDescent="0.15">
      <c r="A4" s="33" t="s">
        <v>10</v>
      </c>
      <c r="B4" s="54" t="s">
        <v>4</v>
      </c>
      <c r="C4" s="55"/>
      <c r="D4" s="19" t="s">
        <v>21</v>
      </c>
      <c r="E4" s="21" t="s">
        <v>9</v>
      </c>
      <c r="F4" s="20" t="s">
        <v>5</v>
      </c>
      <c r="G4" s="19" t="s">
        <v>6</v>
      </c>
      <c r="H4" s="5"/>
      <c r="I4" s="3"/>
    </row>
    <row r="5" spans="1:9" ht="29.25" customHeight="1" x14ac:dyDescent="0.15">
      <c r="A5" s="4" t="s">
        <v>11</v>
      </c>
      <c r="B5" s="40">
        <v>1</v>
      </c>
      <c r="C5" s="41" t="s">
        <v>0</v>
      </c>
      <c r="D5" s="6"/>
      <c r="E5" s="23"/>
      <c r="F5" s="7"/>
      <c r="G5" s="8" t="s">
        <v>8</v>
      </c>
      <c r="I5" s="3"/>
    </row>
    <row r="6" spans="1:9" s="27" customFormat="1" ht="29.25" customHeight="1" x14ac:dyDescent="0.15">
      <c r="A6" s="22"/>
      <c r="B6" s="37"/>
      <c r="C6" s="42"/>
      <c r="D6" s="6"/>
      <c r="E6" s="23"/>
      <c r="F6" s="7"/>
      <c r="G6" s="8" t="s">
        <v>8</v>
      </c>
      <c r="I6" s="3"/>
    </row>
    <row r="7" spans="1:9" ht="29.25" customHeight="1" x14ac:dyDescent="0.15">
      <c r="A7" s="22"/>
      <c r="B7" s="34"/>
      <c r="C7" s="43"/>
      <c r="D7" s="9"/>
      <c r="E7" s="23"/>
      <c r="F7" s="7"/>
      <c r="G7" s="8" t="s">
        <v>8</v>
      </c>
      <c r="I7" s="3"/>
    </row>
    <row r="8" spans="1:9" ht="29.25" customHeight="1" x14ac:dyDescent="0.15">
      <c r="A8" s="22"/>
      <c r="B8" s="32"/>
      <c r="C8" s="35"/>
      <c r="D8" s="9"/>
      <c r="E8" s="23"/>
      <c r="F8" s="7"/>
      <c r="G8" s="8" t="s">
        <v>8</v>
      </c>
      <c r="I8" s="3"/>
    </row>
    <row r="9" spans="1:9" ht="29.25" customHeight="1" x14ac:dyDescent="0.15">
      <c r="A9" s="22"/>
      <c r="B9" s="44">
        <v>2</v>
      </c>
      <c r="C9" s="42" t="s">
        <v>1</v>
      </c>
      <c r="D9" s="6"/>
      <c r="E9" s="26"/>
      <c r="F9" s="7"/>
      <c r="G9" s="8" t="s">
        <v>8</v>
      </c>
      <c r="I9" s="3"/>
    </row>
    <row r="10" spans="1:9" s="27" customFormat="1" ht="29.25" customHeight="1" x14ac:dyDescent="0.15">
      <c r="A10" s="22"/>
      <c r="B10" s="34"/>
      <c r="C10" s="42"/>
      <c r="D10" s="6"/>
      <c r="E10" s="26"/>
      <c r="F10" s="7"/>
      <c r="G10" s="8" t="s">
        <v>8</v>
      </c>
      <c r="I10" s="3"/>
    </row>
    <row r="11" spans="1:9" ht="29.25" customHeight="1" x14ac:dyDescent="0.15">
      <c r="A11" s="22"/>
      <c r="B11" s="34"/>
      <c r="C11" s="43"/>
      <c r="D11" s="9"/>
      <c r="E11" s="23"/>
      <c r="F11" s="7"/>
      <c r="G11" s="8" t="s">
        <v>8</v>
      </c>
      <c r="I11" s="3"/>
    </row>
    <row r="12" spans="1:9" ht="29.25" customHeight="1" x14ac:dyDescent="0.15">
      <c r="A12" s="22"/>
      <c r="B12" s="32"/>
      <c r="C12" s="35"/>
      <c r="D12" s="9"/>
      <c r="E12" s="23"/>
      <c r="F12" s="7"/>
      <c r="G12" s="8" t="s">
        <v>8</v>
      </c>
      <c r="I12" s="3"/>
    </row>
    <row r="13" spans="1:9" ht="29.25" customHeight="1" x14ac:dyDescent="0.15">
      <c r="A13" s="22"/>
      <c r="B13" s="44">
        <v>3</v>
      </c>
      <c r="C13" s="41" t="s">
        <v>2</v>
      </c>
      <c r="D13" s="9"/>
      <c r="E13" s="23"/>
      <c r="F13" s="7"/>
      <c r="G13" s="8" t="s">
        <v>8</v>
      </c>
      <c r="I13" s="3"/>
    </row>
    <row r="14" spans="1:9" s="27" customFormat="1" ht="29.25" customHeight="1" x14ac:dyDescent="0.15">
      <c r="A14" s="22"/>
      <c r="B14" s="34"/>
      <c r="C14" s="42"/>
      <c r="D14" s="9"/>
      <c r="E14" s="23"/>
      <c r="F14" s="7"/>
      <c r="G14" s="8" t="s">
        <v>8</v>
      </c>
      <c r="I14" s="3"/>
    </row>
    <row r="15" spans="1:9" ht="29.25" customHeight="1" x14ac:dyDescent="0.15">
      <c r="A15" s="22"/>
      <c r="B15" s="34"/>
      <c r="C15" s="43"/>
      <c r="D15" s="9"/>
      <c r="E15" s="23"/>
      <c r="F15" s="7"/>
      <c r="G15" s="8" t="s">
        <v>8</v>
      </c>
      <c r="I15" s="3"/>
    </row>
    <row r="16" spans="1:9" ht="29.25" customHeight="1" x14ac:dyDescent="0.15">
      <c r="A16" s="22"/>
      <c r="B16" s="32"/>
      <c r="C16" s="35"/>
      <c r="D16" s="9"/>
      <c r="E16" s="23"/>
      <c r="F16" s="7"/>
      <c r="G16" s="8" t="s">
        <v>8</v>
      </c>
      <c r="I16" s="3"/>
    </row>
    <row r="17" spans="1:9" ht="29.25" customHeight="1" x14ac:dyDescent="0.15">
      <c r="A17" s="37"/>
      <c r="B17" s="39"/>
      <c r="C17" s="47"/>
      <c r="D17" s="50" t="s">
        <v>22</v>
      </c>
      <c r="E17" s="49">
        <v>3.0000000000000001E-3</v>
      </c>
      <c r="F17" s="12"/>
      <c r="G17" s="8" t="s">
        <v>8</v>
      </c>
      <c r="I17" s="3"/>
    </row>
    <row r="18" spans="1:9" s="31" customFormat="1" ht="29.25" customHeight="1" x14ac:dyDescent="0.15">
      <c r="A18" s="28"/>
      <c r="B18" s="36"/>
      <c r="D18" s="47" t="s">
        <v>17</v>
      </c>
      <c r="E18" s="51" t="s">
        <v>18</v>
      </c>
      <c r="F18" s="46"/>
      <c r="G18" s="8"/>
      <c r="I18" s="3"/>
    </row>
    <row r="19" spans="1:9" ht="28.5" customHeight="1" x14ac:dyDescent="0.15">
      <c r="A19" s="4" t="s">
        <v>12</v>
      </c>
      <c r="B19" s="40">
        <v>4</v>
      </c>
      <c r="C19" s="41" t="s">
        <v>20</v>
      </c>
      <c r="D19" s="9"/>
      <c r="E19" s="23"/>
      <c r="F19" s="7"/>
      <c r="G19" s="8" t="s">
        <v>8</v>
      </c>
      <c r="I19" s="3"/>
    </row>
    <row r="20" spans="1:9" s="27" customFormat="1" ht="29.25" customHeight="1" x14ac:dyDescent="0.15">
      <c r="A20" s="22"/>
      <c r="B20" s="37"/>
      <c r="C20" s="42" t="s">
        <v>19</v>
      </c>
      <c r="D20" s="9"/>
      <c r="E20" s="23"/>
      <c r="F20" s="7"/>
      <c r="G20" s="8" t="s">
        <v>8</v>
      </c>
      <c r="I20" s="3"/>
    </row>
    <row r="21" spans="1:9" ht="29.25" customHeight="1" x14ac:dyDescent="0.15">
      <c r="A21" s="24"/>
      <c r="B21" s="34"/>
      <c r="C21" s="43"/>
      <c r="D21" s="9"/>
      <c r="E21" s="23"/>
      <c r="F21" s="7"/>
      <c r="G21" s="8" t="s">
        <v>8</v>
      </c>
      <c r="I21" s="3"/>
    </row>
    <row r="22" spans="1:9" ht="29.25" customHeight="1" x14ac:dyDescent="0.15">
      <c r="A22" s="24"/>
      <c r="B22" s="32"/>
      <c r="C22" s="35"/>
      <c r="D22" s="9"/>
      <c r="E22" s="23"/>
      <c r="F22" s="7"/>
      <c r="G22" s="8" t="s">
        <v>8</v>
      </c>
      <c r="I22" s="3"/>
    </row>
    <row r="23" spans="1:9" ht="29.25" customHeight="1" x14ac:dyDescent="0.15">
      <c r="A23" s="22"/>
      <c r="B23" s="28"/>
      <c r="C23" s="45"/>
      <c r="D23" s="48" t="s">
        <v>22</v>
      </c>
      <c r="E23" s="25">
        <v>0.01</v>
      </c>
      <c r="F23" s="10"/>
      <c r="G23" s="11" t="s">
        <v>8</v>
      </c>
      <c r="I23" s="3"/>
    </row>
    <row r="24" spans="1:9" s="31" customFormat="1" ht="29.25" customHeight="1" x14ac:dyDescent="0.15">
      <c r="A24" s="29"/>
      <c r="B24" s="36"/>
      <c r="C24" s="30"/>
      <c r="D24" s="47" t="s">
        <v>17</v>
      </c>
      <c r="E24" s="51" t="s">
        <v>18</v>
      </c>
      <c r="F24" s="46"/>
      <c r="G24" s="8"/>
      <c r="I24" s="3"/>
    </row>
    <row r="25" spans="1:9" s="13" customFormat="1" ht="29.25" customHeight="1" thickBot="1" x14ac:dyDescent="0.2">
      <c r="B25" s="52" t="s">
        <v>23</v>
      </c>
      <c r="C25" s="14"/>
      <c r="D25" s="14"/>
      <c r="E25" s="14"/>
      <c r="F25" s="15"/>
      <c r="G25" s="16"/>
      <c r="I25" s="17"/>
    </row>
    <row r="26" spans="1:9" ht="38.25" customHeight="1" thickTop="1" thickBot="1" x14ac:dyDescent="0.2">
      <c r="E26" s="38" t="s">
        <v>7</v>
      </c>
      <c r="F26" s="38"/>
      <c r="G26" s="18" t="s">
        <v>8</v>
      </c>
    </row>
    <row r="27" spans="1:9" ht="22.5" customHeight="1" thickTop="1" x14ac:dyDescent="0.15"/>
    <row r="28" spans="1:9" ht="22.5" customHeight="1" x14ac:dyDescent="0.15">
      <c r="A28" s="31" t="s">
        <v>13</v>
      </c>
      <c r="G28" s="1"/>
    </row>
    <row r="29" spans="1:9" ht="22.5" customHeight="1" x14ac:dyDescent="0.15">
      <c r="A29" s="31" t="s">
        <v>14</v>
      </c>
      <c r="G29" s="1"/>
    </row>
    <row r="30" spans="1:9" ht="22.5" customHeight="1" x14ac:dyDescent="0.15">
      <c r="A30" s="31" t="s">
        <v>15</v>
      </c>
      <c r="G30" s="1"/>
    </row>
    <row r="31" spans="1:9" ht="22.5" customHeight="1" x14ac:dyDescent="0.15">
      <c r="A31" s="31" t="s">
        <v>16</v>
      </c>
      <c r="G31" s="1"/>
    </row>
    <row r="32" spans="1:9" ht="22.5" customHeight="1" x14ac:dyDescent="0.15"/>
    <row r="33" ht="22.5" customHeight="1" x14ac:dyDescent="0.15"/>
    <row r="34" ht="22.5" customHeight="1" x14ac:dyDescent="0.15"/>
    <row r="35" ht="22.5" customHeight="1" x14ac:dyDescent="0.15"/>
  </sheetData>
  <mergeCells count="2">
    <mergeCell ref="A2:G2"/>
    <mergeCell ref="B4:C4"/>
  </mergeCells>
  <phoneticPr fontId="1"/>
  <printOptions horizontalCentered="1"/>
  <pageMargins left="0.59055118110236227" right="0.19685039370078741" top="0.59055118110236227" bottom="0.59055118110236227" header="0.51181102362204722" footer="0.51181102362204722"/>
  <pageSetup paperSize="9" scale="94" orientation="portrait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単価内訳</vt:lpstr>
      <vt:lpstr>単価内訳!Print_Area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cp:lastPrinted>2023-02-01T09:19:26Z</cp:lastPrinted>
  <dcterms:created xsi:type="dcterms:W3CDTF">2016-05-27T01:56:11Z</dcterms:created>
  <dcterms:modified xsi:type="dcterms:W3CDTF">2024-03-01T02:39:46Z</dcterms:modified>
</cp:coreProperties>
</file>